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486573B4-065F-4F3A-9C7B-000A4C2715F3}" xr6:coauthVersionLast="45" xr6:coauthVersionMax="45" xr10:uidLastSave="{00000000-0000-0000-0000-000000000000}"/>
  <bookViews>
    <workbookView xWindow="2030" yWindow="250" windowWidth="17170" windowHeight="995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267" uniqueCount="138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1"/>
      <color indexed="8"/>
      <name val="Helvetica Neue"/>
    </font>
    <font>
      <b/>
      <sz val="11"/>
      <color indexed="8"/>
      <name val="Helvetica Neue"/>
    </font>
    <font>
      <sz val="11"/>
      <name val="Helvetica Neue"/>
      <scheme val="minor"/>
    </font>
    <font>
      <sz val="11"/>
      <name val="Helvetica Neue"/>
      <scheme val="major"/>
    </font>
    <font>
      <sz val="11"/>
      <name val="Helvetica Neue"/>
      <family val="2"/>
      <scheme val="major"/>
    </font>
    <font>
      <sz val="11"/>
      <name val="Berlin Sans FB"/>
      <family val="2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</fills>
  <borders count="11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22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19"/>
  <sheetViews>
    <sheetView showGridLines="0" tabSelected="1" workbookViewId="0">
      <selection activeCell="D21" sqref="D21"/>
    </sheetView>
  </sheetViews>
  <sheetFormatPr defaultColWidth="16.36328125" defaultRowHeight="19.899999999999999" customHeight="1"/>
  <cols>
    <col min="1" max="3" width="16.36328125" style="4" customWidth="1"/>
    <col min="4" max="4" width="30.453125" style="4" customWidth="1"/>
    <col min="5" max="5" width="16.36328125" style="4" customWidth="1"/>
    <col min="6" max="6" width="34.36328125" style="4" customWidth="1"/>
    <col min="7" max="7" width="29.453125" style="4" customWidth="1"/>
    <col min="8" max="14" width="16.36328125" style="4" customWidth="1"/>
    <col min="15" max="15" width="42.1796875" style="4" customWidth="1"/>
    <col min="16" max="21" width="16.36328125" style="4" customWidth="1"/>
    <col min="22" max="22" width="36.1796875" style="4" customWidth="1"/>
    <col min="23" max="24" width="16.36328125" style="4" customWidth="1"/>
    <col min="25" max="16384" width="16.36328125" style="4"/>
  </cols>
  <sheetData>
    <row r="1" spans="1:23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3"/>
    </row>
    <row r="2" spans="1:23" ht="22.25" customHeight="1">
      <c r="A2" s="5" t="s">
        <v>1</v>
      </c>
      <c r="B2" s="5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6"/>
      <c r="J2" s="6"/>
      <c r="K2" s="5" t="s">
        <v>9</v>
      </c>
      <c r="L2" s="6"/>
      <c r="M2" s="6"/>
      <c r="N2" s="5" t="s">
        <v>10</v>
      </c>
      <c r="O2" s="5" t="s">
        <v>11</v>
      </c>
      <c r="P2" s="5" t="s">
        <v>12</v>
      </c>
      <c r="Q2" s="5" t="s">
        <v>13</v>
      </c>
      <c r="R2" s="5" t="s">
        <v>14</v>
      </c>
      <c r="S2" s="5" t="s">
        <v>15</v>
      </c>
      <c r="T2" s="6"/>
      <c r="U2" s="6"/>
      <c r="V2" s="5" t="s">
        <v>16</v>
      </c>
      <c r="W2" s="5" t="s">
        <v>17</v>
      </c>
    </row>
    <row r="3" spans="1:23" ht="22.25" customHeight="1">
      <c r="A3" s="6"/>
      <c r="B3" s="6"/>
      <c r="C3" s="6"/>
      <c r="D3" s="6"/>
      <c r="E3" s="6"/>
      <c r="F3" s="6"/>
      <c r="G3" s="6"/>
      <c r="H3" s="7" t="s">
        <v>18</v>
      </c>
      <c r="I3" s="7" t="s">
        <v>19</v>
      </c>
      <c r="J3" s="7" t="s">
        <v>20</v>
      </c>
      <c r="K3" s="7" t="s">
        <v>21</v>
      </c>
      <c r="L3" s="7" t="s">
        <v>22</v>
      </c>
      <c r="M3" s="7" t="s">
        <v>23</v>
      </c>
      <c r="N3" s="6"/>
      <c r="O3" s="6"/>
      <c r="P3" s="6"/>
      <c r="Q3" s="6"/>
      <c r="R3" s="6"/>
      <c r="S3" s="7" t="s">
        <v>24</v>
      </c>
      <c r="T3" s="7" t="s">
        <v>25</v>
      </c>
      <c r="U3" s="7" t="s">
        <v>26</v>
      </c>
      <c r="V3" s="6"/>
      <c r="W3" s="6"/>
    </row>
    <row r="4" spans="1:23" s="15" customFormat="1" ht="20" customHeight="1">
      <c r="A4" s="8">
        <v>330330004</v>
      </c>
      <c r="B4" s="9"/>
      <c r="C4" s="10" t="s">
        <v>32</v>
      </c>
      <c r="D4" s="11" t="s">
        <v>135</v>
      </c>
      <c r="E4" s="9" t="s">
        <v>27</v>
      </c>
      <c r="F4" s="9" t="s">
        <v>28</v>
      </c>
      <c r="G4" s="9" t="s">
        <v>29</v>
      </c>
      <c r="H4" s="12"/>
      <c r="I4" s="12"/>
      <c r="J4" s="12" t="s">
        <v>129</v>
      </c>
      <c r="K4" s="13" t="s">
        <v>33</v>
      </c>
      <c r="L4" s="13" t="s">
        <v>34</v>
      </c>
      <c r="M4" s="13" t="s">
        <v>35</v>
      </c>
      <c r="N4" s="12" t="s">
        <v>30</v>
      </c>
      <c r="O4" s="12" t="s">
        <v>132</v>
      </c>
      <c r="P4" s="12">
        <v>30</v>
      </c>
      <c r="Q4" s="12">
        <v>60</v>
      </c>
      <c r="R4" s="12" t="s">
        <v>36</v>
      </c>
      <c r="S4" s="12"/>
      <c r="T4" s="12" t="s">
        <v>31</v>
      </c>
      <c r="U4" s="12"/>
      <c r="V4" s="11" t="s">
        <v>37</v>
      </c>
      <c r="W4" s="14" t="s">
        <v>38</v>
      </c>
    </row>
    <row r="5" spans="1:23" s="15" customFormat="1" ht="20" customHeight="1">
      <c r="A5" s="8">
        <v>330330005</v>
      </c>
      <c r="B5" s="9"/>
      <c r="C5" s="10" t="s">
        <v>39</v>
      </c>
      <c r="D5" s="11" t="s">
        <v>135</v>
      </c>
      <c r="E5" s="9" t="s">
        <v>27</v>
      </c>
      <c r="F5" s="9" t="s">
        <v>28</v>
      </c>
      <c r="G5" s="9" t="s">
        <v>40</v>
      </c>
      <c r="H5" s="12"/>
      <c r="I5" s="12"/>
      <c r="J5" s="12" t="s">
        <v>129</v>
      </c>
      <c r="K5" s="14" t="s">
        <v>33</v>
      </c>
      <c r="L5" s="14" t="s">
        <v>34</v>
      </c>
      <c r="M5" s="14" t="s">
        <v>35</v>
      </c>
      <c r="N5" s="16" t="s">
        <v>41</v>
      </c>
      <c r="O5" s="12" t="s">
        <v>132</v>
      </c>
      <c r="P5" s="12">
        <v>60</v>
      </c>
      <c r="Q5" s="12">
        <v>100</v>
      </c>
      <c r="R5" s="12" t="s">
        <v>36</v>
      </c>
      <c r="S5" s="12"/>
      <c r="T5" s="12" t="s">
        <v>31</v>
      </c>
      <c r="U5" s="12"/>
      <c r="V5" s="11" t="s">
        <v>37</v>
      </c>
      <c r="W5" s="13" t="s">
        <v>38</v>
      </c>
    </row>
    <row r="6" spans="1:23" s="15" customFormat="1" ht="20" customHeight="1">
      <c r="A6" s="8">
        <v>335310015</v>
      </c>
      <c r="B6" s="9" t="s">
        <v>42</v>
      </c>
      <c r="C6" s="10" t="s">
        <v>43</v>
      </c>
      <c r="D6" s="11" t="s">
        <v>136</v>
      </c>
      <c r="E6" s="9" t="s">
        <v>44</v>
      </c>
      <c r="F6" s="17" t="s">
        <v>45</v>
      </c>
      <c r="G6" s="9" t="s">
        <v>46</v>
      </c>
      <c r="H6" s="12"/>
      <c r="I6" s="12"/>
      <c r="J6" s="12" t="s">
        <v>47</v>
      </c>
      <c r="K6" s="13" t="s">
        <v>48</v>
      </c>
      <c r="L6" s="13" t="s">
        <v>49</v>
      </c>
      <c r="M6" s="13"/>
      <c r="N6" s="12" t="s">
        <v>50</v>
      </c>
      <c r="O6" s="12" t="s">
        <v>51</v>
      </c>
      <c r="P6" s="12">
        <v>90</v>
      </c>
      <c r="Q6" s="12">
        <v>139</v>
      </c>
      <c r="R6" s="12" t="s">
        <v>36</v>
      </c>
      <c r="S6" s="12"/>
      <c r="T6" s="12" t="s">
        <v>52</v>
      </c>
      <c r="U6" s="12"/>
      <c r="V6" s="11" t="s">
        <v>37</v>
      </c>
      <c r="W6" s="12" t="s">
        <v>53</v>
      </c>
    </row>
    <row r="7" spans="1:23" s="15" customFormat="1" ht="20" customHeight="1">
      <c r="A7" s="8">
        <v>335310022</v>
      </c>
      <c r="B7" s="9" t="s">
        <v>42</v>
      </c>
      <c r="C7" s="10" t="s">
        <v>54</v>
      </c>
      <c r="D7" s="11" t="s">
        <v>136</v>
      </c>
      <c r="E7" s="9" t="s">
        <v>55</v>
      </c>
      <c r="F7" s="17" t="s">
        <v>56</v>
      </c>
      <c r="G7" s="9" t="s">
        <v>57</v>
      </c>
      <c r="H7" s="12"/>
      <c r="I7" s="12"/>
      <c r="J7" s="12" t="s">
        <v>47</v>
      </c>
      <c r="K7" s="12" t="s">
        <v>48</v>
      </c>
      <c r="L7" s="12" t="s">
        <v>49</v>
      </c>
      <c r="M7" s="12"/>
      <c r="N7" s="12" t="s">
        <v>50</v>
      </c>
      <c r="O7" s="12" t="s">
        <v>51</v>
      </c>
      <c r="P7" s="12">
        <v>119</v>
      </c>
      <c r="Q7" s="12">
        <v>159</v>
      </c>
      <c r="R7" s="12" t="s">
        <v>36</v>
      </c>
      <c r="S7" s="12"/>
      <c r="T7" s="12" t="s">
        <v>52</v>
      </c>
      <c r="U7" s="12"/>
      <c r="V7" s="11" t="s">
        <v>37</v>
      </c>
      <c r="W7" s="12" t="s">
        <v>53</v>
      </c>
    </row>
    <row r="8" spans="1:23" s="15" customFormat="1" ht="20" customHeight="1">
      <c r="A8" s="8">
        <v>894340037</v>
      </c>
      <c r="B8" s="9"/>
      <c r="C8" s="10" t="s">
        <v>58</v>
      </c>
      <c r="D8" s="11" t="s">
        <v>137</v>
      </c>
      <c r="E8" s="9" t="s">
        <v>55</v>
      </c>
      <c r="F8" s="17" t="s">
        <v>59</v>
      </c>
      <c r="G8" s="9" t="s">
        <v>60</v>
      </c>
      <c r="H8" s="12"/>
      <c r="I8" s="12"/>
      <c r="J8" s="12" t="s">
        <v>61</v>
      </c>
      <c r="K8" s="12" t="s">
        <v>62</v>
      </c>
      <c r="L8" s="12"/>
      <c r="M8" s="12"/>
      <c r="N8" s="12" t="s">
        <v>63</v>
      </c>
      <c r="O8" s="12" t="s">
        <v>64</v>
      </c>
      <c r="P8" s="12">
        <v>80</v>
      </c>
      <c r="Q8" s="12">
        <v>120</v>
      </c>
      <c r="R8" s="12" t="s">
        <v>36</v>
      </c>
      <c r="S8" s="12"/>
      <c r="T8" s="12" t="s">
        <v>31</v>
      </c>
      <c r="U8" s="12"/>
      <c r="V8" s="11" t="s">
        <v>37</v>
      </c>
      <c r="W8" s="12" t="s">
        <v>65</v>
      </c>
    </row>
    <row r="9" spans="1:23" s="15" customFormat="1" ht="20" customHeight="1">
      <c r="A9" s="8">
        <v>894310044</v>
      </c>
      <c r="B9" s="9" t="s">
        <v>66</v>
      </c>
      <c r="C9" s="10" t="s">
        <v>67</v>
      </c>
      <c r="D9" s="11" t="s">
        <v>136</v>
      </c>
      <c r="E9" s="9" t="s">
        <v>68</v>
      </c>
      <c r="F9" s="18" t="s">
        <v>69</v>
      </c>
      <c r="G9" s="9" t="s">
        <v>128</v>
      </c>
      <c r="H9" s="12"/>
      <c r="I9" s="12" t="s">
        <v>70</v>
      </c>
      <c r="J9" s="12" t="s">
        <v>71</v>
      </c>
      <c r="K9" s="12" t="s">
        <v>72</v>
      </c>
      <c r="L9" s="12" t="s">
        <v>73</v>
      </c>
      <c r="M9" s="12"/>
      <c r="N9" s="19" t="s">
        <v>74</v>
      </c>
      <c r="O9" s="20" t="s">
        <v>133</v>
      </c>
      <c r="P9" s="19" t="s">
        <v>75</v>
      </c>
      <c r="Q9" s="12">
        <v>125</v>
      </c>
      <c r="R9" s="12" t="s">
        <v>36</v>
      </c>
      <c r="S9" s="12"/>
      <c r="T9" s="12" t="s">
        <v>76</v>
      </c>
      <c r="U9" s="21" t="s">
        <v>77</v>
      </c>
      <c r="V9" s="11" t="s">
        <v>37</v>
      </c>
      <c r="W9" s="12" t="s">
        <v>78</v>
      </c>
    </row>
    <row r="10" spans="1:23" s="15" customFormat="1" ht="20" customHeight="1">
      <c r="A10" s="8">
        <v>894310045</v>
      </c>
      <c r="B10" s="9" t="s">
        <v>66</v>
      </c>
      <c r="C10" s="10" t="s">
        <v>79</v>
      </c>
      <c r="D10" s="11" t="s">
        <v>136</v>
      </c>
      <c r="E10" s="9" t="s">
        <v>80</v>
      </c>
      <c r="F10" s="18" t="s">
        <v>69</v>
      </c>
      <c r="G10" s="9" t="s">
        <v>127</v>
      </c>
      <c r="H10" s="12"/>
      <c r="I10" s="12" t="s">
        <v>70</v>
      </c>
      <c r="J10" s="12" t="s">
        <v>71</v>
      </c>
      <c r="K10" s="12" t="s">
        <v>72</v>
      </c>
      <c r="L10" s="12" t="s">
        <v>73</v>
      </c>
      <c r="M10" s="12"/>
      <c r="N10" s="19" t="s">
        <v>74</v>
      </c>
      <c r="O10" s="20" t="s">
        <v>133</v>
      </c>
      <c r="P10" s="12">
        <v>28</v>
      </c>
      <c r="Q10" s="12">
        <v>39</v>
      </c>
      <c r="R10" s="12" t="s">
        <v>36</v>
      </c>
      <c r="S10" s="12"/>
      <c r="T10" s="12" t="s">
        <v>76</v>
      </c>
      <c r="U10" s="21" t="s">
        <v>77</v>
      </c>
      <c r="V10" s="11" t="s">
        <v>37</v>
      </c>
      <c r="W10" s="12" t="s">
        <v>78</v>
      </c>
    </row>
    <row r="11" spans="1:23" s="15" customFormat="1" ht="20" customHeight="1">
      <c r="A11" s="8">
        <v>894310046</v>
      </c>
      <c r="B11" s="9" t="s">
        <v>66</v>
      </c>
      <c r="C11" s="10" t="s">
        <v>81</v>
      </c>
      <c r="D11" s="11" t="s">
        <v>136</v>
      </c>
      <c r="E11" s="9" t="s">
        <v>80</v>
      </c>
      <c r="F11" s="18" t="s">
        <v>69</v>
      </c>
      <c r="G11" s="9" t="s">
        <v>82</v>
      </c>
      <c r="H11" s="12"/>
      <c r="I11" s="12" t="s">
        <v>70</v>
      </c>
      <c r="J11" s="12" t="s">
        <v>71</v>
      </c>
      <c r="K11" s="12" t="s">
        <v>72</v>
      </c>
      <c r="L11" s="12" t="s">
        <v>73</v>
      </c>
      <c r="M11" s="12"/>
      <c r="N11" s="19" t="s">
        <v>83</v>
      </c>
      <c r="O11" s="20" t="s">
        <v>133</v>
      </c>
      <c r="P11" s="12">
        <v>28</v>
      </c>
      <c r="Q11" s="12">
        <v>39</v>
      </c>
      <c r="R11" s="12" t="s">
        <v>36</v>
      </c>
      <c r="S11" s="12"/>
      <c r="T11" s="12" t="s">
        <v>76</v>
      </c>
      <c r="U11" s="21" t="s">
        <v>77</v>
      </c>
      <c r="V11" s="11" t="s">
        <v>37</v>
      </c>
      <c r="W11" s="12" t="s">
        <v>78</v>
      </c>
    </row>
    <row r="12" spans="1:23" s="15" customFormat="1" ht="20" customHeight="1">
      <c r="A12" s="8">
        <v>438330015</v>
      </c>
      <c r="B12" s="9" t="s">
        <v>84</v>
      </c>
      <c r="C12" s="10" t="s">
        <v>85</v>
      </c>
      <c r="D12" s="11" t="s">
        <v>135</v>
      </c>
      <c r="E12" s="9" t="s">
        <v>86</v>
      </c>
      <c r="F12" s="9" t="s">
        <v>87</v>
      </c>
      <c r="G12" s="9" t="s">
        <v>88</v>
      </c>
      <c r="H12" s="12"/>
      <c r="I12" s="12"/>
      <c r="J12" s="12" t="s">
        <v>129</v>
      </c>
      <c r="K12" s="12" t="s">
        <v>72</v>
      </c>
      <c r="L12" s="12" t="s">
        <v>73</v>
      </c>
      <c r="M12" s="12"/>
      <c r="N12" s="12" t="s">
        <v>63</v>
      </c>
      <c r="O12" s="12" t="s">
        <v>134</v>
      </c>
      <c r="P12" s="19" t="s">
        <v>89</v>
      </c>
      <c r="Q12" s="12">
        <v>450</v>
      </c>
      <c r="R12" s="12" t="s">
        <v>90</v>
      </c>
      <c r="S12" s="12"/>
      <c r="T12" s="12" t="s">
        <v>31</v>
      </c>
      <c r="U12" s="21" t="s">
        <v>77</v>
      </c>
      <c r="V12" s="11" t="s">
        <v>37</v>
      </c>
      <c r="W12" s="12" t="s">
        <v>91</v>
      </c>
    </row>
    <row r="13" spans="1:23" s="15" customFormat="1" ht="20" customHeight="1">
      <c r="A13" s="8">
        <v>619140031</v>
      </c>
      <c r="B13" s="9"/>
      <c r="C13" s="10" t="s">
        <v>92</v>
      </c>
      <c r="D13" s="11" t="s">
        <v>137</v>
      </c>
      <c r="E13" s="9" t="s">
        <v>93</v>
      </c>
      <c r="F13" s="17" t="s">
        <v>94</v>
      </c>
      <c r="G13" s="9" t="s">
        <v>95</v>
      </c>
      <c r="H13" s="12"/>
      <c r="I13" s="12"/>
      <c r="J13" s="12" t="s">
        <v>130</v>
      </c>
      <c r="K13" s="12" t="s">
        <v>96</v>
      </c>
      <c r="L13" s="12" t="s">
        <v>97</v>
      </c>
      <c r="M13" s="12" t="s">
        <v>98</v>
      </c>
      <c r="N13" s="12" t="s">
        <v>99</v>
      </c>
      <c r="O13" s="12" t="s">
        <v>100</v>
      </c>
      <c r="P13" s="12">
        <v>180</v>
      </c>
      <c r="Q13" s="12">
        <v>250</v>
      </c>
      <c r="R13" s="12" t="s">
        <v>90</v>
      </c>
      <c r="S13" s="12"/>
      <c r="T13" s="12" t="s">
        <v>31</v>
      </c>
      <c r="U13" s="12"/>
      <c r="V13" s="11" t="s">
        <v>37</v>
      </c>
      <c r="W13" s="12" t="s">
        <v>101</v>
      </c>
    </row>
    <row r="14" spans="1:23" s="15" customFormat="1" ht="20" customHeight="1">
      <c r="A14" s="8">
        <v>619310030</v>
      </c>
      <c r="B14" s="9"/>
      <c r="C14" s="10" t="s">
        <v>102</v>
      </c>
      <c r="D14" s="11" t="s">
        <v>136</v>
      </c>
      <c r="E14" s="9" t="s">
        <v>44</v>
      </c>
      <c r="F14" s="17" t="s">
        <v>103</v>
      </c>
      <c r="G14" s="9" t="s">
        <v>104</v>
      </c>
      <c r="H14" s="12"/>
      <c r="I14" s="12"/>
      <c r="J14" s="12" t="s">
        <v>47</v>
      </c>
      <c r="K14" s="12" t="s">
        <v>131</v>
      </c>
      <c r="L14" s="12"/>
      <c r="M14" s="12"/>
      <c r="N14" s="12" t="s">
        <v>99</v>
      </c>
      <c r="O14" s="12" t="s">
        <v>100</v>
      </c>
      <c r="P14" s="12">
        <v>45</v>
      </c>
      <c r="Q14" s="12">
        <v>60</v>
      </c>
      <c r="R14" s="12" t="s">
        <v>90</v>
      </c>
      <c r="S14" s="12"/>
      <c r="T14" s="12" t="s">
        <v>31</v>
      </c>
      <c r="U14" s="12"/>
      <c r="V14" s="11" t="s">
        <v>37</v>
      </c>
      <c r="W14" s="12" t="s">
        <v>101</v>
      </c>
    </row>
    <row r="15" spans="1:23" s="15" customFormat="1" ht="20" customHeight="1">
      <c r="A15" s="8">
        <v>773310019</v>
      </c>
      <c r="B15" s="9" t="s">
        <v>105</v>
      </c>
      <c r="C15" s="10" t="s">
        <v>106</v>
      </c>
      <c r="D15" s="11" t="s">
        <v>136</v>
      </c>
      <c r="E15" s="9" t="s">
        <v>55</v>
      </c>
      <c r="F15" s="17" t="s">
        <v>107</v>
      </c>
      <c r="G15" s="9" t="s">
        <v>126</v>
      </c>
      <c r="H15" s="12"/>
      <c r="I15" s="12"/>
      <c r="J15" s="12" t="s">
        <v>108</v>
      </c>
      <c r="K15" s="12" t="s">
        <v>109</v>
      </c>
      <c r="L15" s="12"/>
      <c r="M15" s="12"/>
      <c r="N15" s="12" t="s">
        <v>50</v>
      </c>
      <c r="O15" s="12" t="s">
        <v>100</v>
      </c>
      <c r="P15" s="12">
        <v>115</v>
      </c>
      <c r="Q15" s="12">
        <v>165</v>
      </c>
      <c r="R15" s="12" t="s">
        <v>36</v>
      </c>
      <c r="S15" s="12"/>
      <c r="T15" s="12" t="s">
        <v>52</v>
      </c>
      <c r="U15" s="12"/>
      <c r="V15" s="11" t="s">
        <v>37</v>
      </c>
      <c r="W15" s="12" t="s">
        <v>110</v>
      </c>
    </row>
    <row r="16" spans="1:23" s="15" customFormat="1" ht="20" customHeight="1">
      <c r="A16" s="8">
        <v>773310012</v>
      </c>
      <c r="B16" s="9" t="s">
        <v>105</v>
      </c>
      <c r="C16" s="10" t="s">
        <v>111</v>
      </c>
      <c r="D16" s="11" t="s">
        <v>136</v>
      </c>
      <c r="E16" s="9" t="s">
        <v>55</v>
      </c>
      <c r="F16" s="17" t="s">
        <v>112</v>
      </c>
      <c r="G16" s="9" t="s">
        <v>113</v>
      </c>
      <c r="H16" s="12"/>
      <c r="I16" s="12"/>
      <c r="J16" s="12" t="s">
        <v>108</v>
      </c>
      <c r="K16" s="12" t="s">
        <v>109</v>
      </c>
      <c r="L16" s="12"/>
      <c r="M16" s="12"/>
      <c r="N16" s="12" t="s">
        <v>50</v>
      </c>
      <c r="O16" s="12" t="s">
        <v>100</v>
      </c>
      <c r="P16" s="12">
        <v>55</v>
      </c>
      <c r="Q16" s="12">
        <v>60</v>
      </c>
      <c r="R16" s="12" t="s">
        <v>36</v>
      </c>
      <c r="S16" s="12"/>
      <c r="T16" s="12" t="s">
        <v>52</v>
      </c>
      <c r="U16" s="12"/>
      <c r="V16" s="11" t="s">
        <v>37</v>
      </c>
      <c r="W16" s="12" t="s">
        <v>110</v>
      </c>
    </row>
    <row r="17" spans="1:23" s="15" customFormat="1" ht="20" customHeight="1">
      <c r="A17" s="8">
        <v>773310020</v>
      </c>
      <c r="B17" s="9" t="s">
        <v>105</v>
      </c>
      <c r="C17" s="10" t="s">
        <v>114</v>
      </c>
      <c r="D17" s="11" t="s">
        <v>136</v>
      </c>
      <c r="E17" s="9" t="s">
        <v>55</v>
      </c>
      <c r="F17" s="17" t="s">
        <v>112</v>
      </c>
      <c r="G17" s="9" t="s">
        <v>115</v>
      </c>
      <c r="H17" s="12"/>
      <c r="I17" s="12"/>
      <c r="J17" s="12" t="s">
        <v>108</v>
      </c>
      <c r="K17" s="12" t="s">
        <v>109</v>
      </c>
      <c r="L17" s="12"/>
      <c r="M17" s="12"/>
      <c r="N17" s="12" t="s">
        <v>50</v>
      </c>
      <c r="O17" s="12" t="s">
        <v>100</v>
      </c>
      <c r="P17" s="12">
        <v>150</v>
      </c>
      <c r="Q17" s="12">
        <v>205</v>
      </c>
      <c r="R17" s="12" t="s">
        <v>36</v>
      </c>
      <c r="S17" s="12"/>
      <c r="T17" s="12" t="s">
        <v>52</v>
      </c>
      <c r="U17" s="12"/>
      <c r="V17" s="11" t="s">
        <v>37</v>
      </c>
      <c r="W17" s="12" t="s">
        <v>110</v>
      </c>
    </row>
    <row r="18" spans="1:23" s="15" customFormat="1" ht="20" customHeight="1">
      <c r="A18" s="8">
        <v>773310021</v>
      </c>
      <c r="B18" s="9" t="s">
        <v>105</v>
      </c>
      <c r="C18" s="10" t="s">
        <v>116</v>
      </c>
      <c r="D18" s="11" t="s">
        <v>136</v>
      </c>
      <c r="E18" s="9" t="s">
        <v>80</v>
      </c>
      <c r="F18" s="17" t="s">
        <v>117</v>
      </c>
      <c r="G18" s="9" t="s">
        <v>118</v>
      </c>
      <c r="H18" s="12"/>
      <c r="I18" s="12"/>
      <c r="J18" s="12" t="s">
        <v>108</v>
      </c>
      <c r="K18" s="12" t="s">
        <v>109</v>
      </c>
      <c r="L18" s="12"/>
      <c r="M18" s="12"/>
      <c r="N18" s="12" t="s">
        <v>50</v>
      </c>
      <c r="O18" s="12" t="s">
        <v>100</v>
      </c>
      <c r="P18" s="12">
        <v>25</v>
      </c>
      <c r="Q18" s="12">
        <v>45</v>
      </c>
      <c r="R18" s="12" t="s">
        <v>36</v>
      </c>
      <c r="S18" s="12"/>
      <c r="T18" s="12" t="s">
        <v>52</v>
      </c>
      <c r="U18" s="12"/>
      <c r="V18" s="11" t="s">
        <v>37</v>
      </c>
      <c r="W18" s="12" t="s">
        <v>110</v>
      </c>
    </row>
    <row r="19" spans="1:23" s="15" customFormat="1" ht="20" customHeight="1">
      <c r="A19" s="8">
        <v>773310018</v>
      </c>
      <c r="B19" s="9" t="s">
        <v>119</v>
      </c>
      <c r="C19" s="10" t="s">
        <v>120</v>
      </c>
      <c r="D19" s="11" t="s">
        <v>136</v>
      </c>
      <c r="E19" s="9" t="s">
        <v>80</v>
      </c>
      <c r="F19" s="17" t="s">
        <v>121</v>
      </c>
      <c r="G19" s="9" t="s">
        <v>122</v>
      </c>
      <c r="H19" s="12"/>
      <c r="I19" s="12"/>
      <c r="J19" s="12" t="s">
        <v>108</v>
      </c>
      <c r="K19" s="12" t="s">
        <v>72</v>
      </c>
      <c r="L19" s="12"/>
      <c r="M19" s="12"/>
      <c r="N19" s="12" t="s">
        <v>123</v>
      </c>
      <c r="O19" s="12" t="s">
        <v>124</v>
      </c>
      <c r="P19" s="12">
        <v>40</v>
      </c>
      <c r="Q19" s="12">
        <v>55</v>
      </c>
      <c r="R19" s="12" t="s">
        <v>36</v>
      </c>
      <c r="S19" s="12"/>
      <c r="T19" s="12" t="s">
        <v>31</v>
      </c>
      <c r="U19" s="12"/>
      <c r="V19" s="11" t="s">
        <v>37</v>
      </c>
      <c r="W19" s="12" t="s">
        <v>125</v>
      </c>
    </row>
  </sheetData>
  <mergeCells count="18">
    <mergeCell ref="R2:R3"/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0T06:59:37Z</dcterms:modified>
</cp:coreProperties>
</file>